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edembli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DD506AA9-4686-D85A-23C4-F33EAA32083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526" y="4560411"/>
            <a:ext cx="2304373" cy="206011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5BA6853F-C780-B13A-845D-5B795AE1CA5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0919" y="3867172"/>
            <a:ext cx="1581932" cy="141424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4T14:47:45Z</dcterms:modified>
</cp:coreProperties>
</file>